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4D604717-2E1D-4D53-838F-8F32077C7E3D}" xr6:coauthVersionLast="36" xr6:coauthVersionMax="47" xr10:uidLastSave="{00000000-0000-0000-0000-000000000000}"/>
  <bookViews>
    <workbookView xWindow="1860" yWindow="1860" windowWidth="23670" windowHeight="12750" xr2:uid="{00000000-000D-0000-FFFF-FFFF00000000}"/>
  </bookViews>
  <sheets>
    <sheet name="BusinessDetails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54" uniqueCount="27">
  <si>
    <t xml:space="preserve">再処理不能伝票      </t>
  </si>
  <si>
    <t xml:space="preserve">出金ミス            </t>
  </si>
  <si>
    <t xml:space="preserve">料金設定のミス      </t>
  </si>
  <si>
    <t xml:space="preserve">仕入れ代            </t>
  </si>
  <si>
    <t>ID</t>
  </si>
  <si>
    <t>BusinessID</t>
  </si>
  <si>
    <t>DataNo</t>
  </si>
  <si>
    <t>DataType</t>
  </si>
  <si>
    <t>DataID</t>
  </si>
  <si>
    <t>Class</t>
  </si>
  <si>
    <t>Price</t>
  </si>
  <si>
    <t>Suu</t>
  </si>
  <si>
    <t>Tax</t>
  </si>
  <si>
    <t>Val</t>
  </si>
  <si>
    <t>TextData</t>
  </si>
  <si>
    <t>Time1</t>
  </si>
  <si>
    <t>Time2</t>
  </si>
  <si>
    <t>Status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C5F75B1B-22F1-481B-91BE-4DC2492AC03B}" name="テーブル1" displayName="テーブル1" ref="A1:F29" totalsRowShown="0">
  <autoFilter ref="A1:F29" xr:uid="{BCF2416A-C902-4262-B836-9FE8F9A4A692}"/>
  <tableColumns count="6">
    <tableColumn id="1" xr3:uid="{74CCB836-922F-4CA4-8F92-69E07B74B677}" name="ID"/>
    <tableColumn id="2" xr3:uid="{563EA5B0-2201-4B58-830C-A7815B4DF8D4}" name="TERMINATOR"/>
    <tableColumn id="3" xr3:uid="{B0D78085-9C78-405A-AF00-606F8799284F}" name="MAX_LENGTH"/>
    <tableColumn id="4" xr3:uid="{FE9DFE9A-A795-43EC-8A95-32A1F76D98EB}" name="COLLATION"/>
    <tableColumn id="5" xr3:uid="{C88FA477-CD31-496B-86CD-2B1F220A7AF8}" name="SOURCE"/>
    <tableColumn id="6" xr3:uid="{0009A591-1F4E-46DC-BE34-646E1C42B464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6"/>
  <sheetViews>
    <sheetView tabSelected="1" workbookViewId="0">
      <selection sqref="A1:N1"/>
    </sheetView>
  </sheetViews>
  <sheetFormatPr defaultRowHeight="18.75" x14ac:dyDescent="0.4"/>
  <cols>
    <col min="12" max="12" width="14.75" bestFit="1" customWidth="1"/>
    <col min="13" max="13" width="15.875" bestFit="1" customWidth="1"/>
  </cols>
  <sheetData>
    <row r="1" spans="1:14" x14ac:dyDescent="0.4">
      <c r="A1" s="2" t="s">
        <v>4</v>
      </c>
      <c r="B1" s="3" t="s">
        <v>5</v>
      </c>
      <c r="C1" s="2" t="s">
        <v>6</v>
      </c>
      <c r="D1" s="3" t="s">
        <v>7</v>
      </c>
      <c r="E1" s="2" t="s">
        <v>8</v>
      </c>
      <c r="F1" s="3" t="s">
        <v>9</v>
      </c>
      <c r="G1" s="2" t="s">
        <v>10</v>
      </c>
      <c r="H1" s="3" t="s">
        <v>11</v>
      </c>
      <c r="I1" s="2" t="s">
        <v>12</v>
      </c>
      <c r="J1" s="3" t="s">
        <v>13</v>
      </c>
      <c r="K1" s="2" t="s">
        <v>14</v>
      </c>
      <c r="L1" s="3" t="s">
        <v>15</v>
      </c>
      <c r="M1" s="2" t="s">
        <v>16</v>
      </c>
      <c r="N1" s="3" t="s">
        <v>17</v>
      </c>
    </row>
    <row r="2" spans="1:14" x14ac:dyDescent="0.4">
      <c r="A2">
        <v>64</v>
      </c>
      <c r="B2">
        <v>0</v>
      </c>
      <c r="C2">
        <v>5</v>
      </c>
      <c r="D2">
        <v>2</v>
      </c>
      <c r="E2">
        <v>89</v>
      </c>
      <c r="F2">
        <v>98</v>
      </c>
      <c r="G2">
        <v>400</v>
      </c>
      <c r="H2">
        <v>0</v>
      </c>
      <c r="I2">
        <v>0</v>
      </c>
      <c r="J2">
        <v>0</v>
      </c>
      <c r="K2" t="s">
        <v>0</v>
      </c>
      <c r="L2" s="1">
        <v>42750</v>
      </c>
      <c r="M2" s="1">
        <v>42750.625694444447</v>
      </c>
      <c r="N2">
        <v>0</v>
      </c>
    </row>
    <row r="3" spans="1:14" x14ac:dyDescent="0.4">
      <c r="A3">
        <v>65</v>
      </c>
      <c r="B3">
        <v>0</v>
      </c>
      <c r="C3">
        <v>0</v>
      </c>
      <c r="D3">
        <v>3</v>
      </c>
      <c r="E3">
        <v>0</v>
      </c>
      <c r="F3">
        <v>98</v>
      </c>
      <c r="G3">
        <v>400</v>
      </c>
      <c r="H3">
        <v>0</v>
      </c>
      <c r="I3">
        <v>0</v>
      </c>
      <c r="J3">
        <v>0</v>
      </c>
      <c r="K3" t="s">
        <v>1</v>
      </c>
      <c r="L3" s="1">
        <v>42750</v>
      </c>
      <c r="M3" s="1">
        <v>42750.640972222223</v>
      </c>
      <c r="N3">
        <v>0</v>
      </c>
    </row>
    <row r="4" spans="1:14" x14ac:dyDescent="0.4">
      <c r="A4">
        <v>66</v>
      </c>
      <c r="B4">
        <v>0</v>
      </c>
      <c r="C4">
        <v>0</v>
      </c>
      <c r="D4">
        <v>3</v>
      </c>
      <c r="E4">
        <v>0</v>
      </c>
      <c r="F4">
        <v>100</v>
      </c>
      <c r="G4">
        <v>2592</v>
      </c>
      <c r="H4">
        <v>0</v>
      </c>
      <c r="I4">
        <v>0</v>
      </c>
      <c r="J4">
        <v>0</v>
      </c>
      <c r="K4" t="s">
        <v>2</v>
      </c>
      <c r="L4" s="1">
        <v>42756</v>
      </c>
      <c r="M4" s="1">
        <v>42756.938194444447</v>
      </c>
      <c r="N4">
        <v>0</v>
      </c>
    </row>
    <row r="5" spans="1:14" x14ac:dyDescent="0.4">
      <c r="A5">
        <v>67</v>
      </c>
      <c r="B5">
        <v>0</v>
      </c>
      <c r="C5">
        <v>1</v>
      </c>
      <c r="D5">
        <v>3</v>
      </c>
      <c r="E5">
        <v>66</v>
      </c>
      <c r="F5">
        <v>29</v>
      </c>
      <c r="G5">
        <v>348</v>
      </c>
      <c r="H5">
        <v>0</v>
      </c>
      <c r="I5">
        <v>0</v>
      </c>
      <c r="J5">
        <v>0</v>
      </c>
      <c r="K5" t="s">
        <v>3</v>
      </c>
      <c r="L5" s="1">
        <v>45000</v>
      </c>
      <c r="M5" s="1">
        <v>45000.45</v>
      </c>
      <c r="N5">
        <v>0</v>
      </c>
    </row>
    <row r="6" spans="1:14" x14ac:dyDescent="0.4">
      <c r="A6">
        <v>68</v>
      </c>
      <c r="B6">
        <v>0</v>
      </c>
      <c r="C6">
        <v>5</v>
      </c>
      <c r="D6">
        <v>2</v>
      </c>
      <c r="E6">
        <v>89</v>
      </c>
      <c r="F6">
        <v>38</v>
      </c>
      <c r="G6">
        <v>530</v>
      </c>
      <c r="H6">
        <v>0</v>
      </c>
      <c r="I6">
        <v>0</v>
      </c>
      <c r="J6">
        <v>0</v>
      </c>
      <c r="K6" t="s">
        <v>0</v>
      </c>
      <c r="L6" s="1">
        <v>45092</v>
      </c>
      <c r="M6" s="1">
        <v>45092.663888888892</v>
      </c>
      <c r="N6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29"/>
  <sheetViews>
    <sheetView topLeftCell="A16" workbookViewId="0">
      <selection sqref="A1:F29"/>
    </sheetView>
  </sheetViews>
  <sheetFormatPr defaultRowHeight="18.75" x14ac:dyDescent="0.4"/>
  <sheetData>
    <row r="1" spans="1:6" x14ac:dyDescent="0.4">
      <c r="A1" t="s">
        <v>18</v>
      </c>
      <c r="B1" t="s">
        <v>19</v>
      </c>
      <c r="C1" t="s">
        <v>20</v>
      </c>
      <c r="D1" t="s">
        <v>21</v>
      </c>
      <c r="E1" t="s">
        <v>22</v>
      </c>
      <c r="F1" t="s">
        <v>23</v>
      </c>
    </row>
    <row r="2" spans="1:6" x14ac:dyDescent="0.4">
      <c r="A2">
        <v>1</v>
      </c>
      <c r="B2" s="4" t="s">
        <v>24</v>
      </c>
      <c r="C2">
        <v>12</v>
      </c>
      <c r="D2" s="4"/>
      <c r="F2" s="4"/>
    </row>
    <row r="3" spans="1:6" x14ac:dyDescent="0.4">
      <c r="A3">
        <v>2</v>
      </c>
      <c r="B3" s="4" t="s">
        <v>24</v>
      </c>
      <c r="C3">
        <v>12</v>
      </c>
      <c r="D3" s="4"/>
      <c r="F3" s="4"/>
    </row>
    <row r="4" spans="1:6" x14ac:dyDescent="0.4">
      <c r="A4">
        <v>3</v>
      </c>
      <c r="B4" s="4" t="s">
        <v>24</v>
      </c>
      <c r="C4">
        <v>12</v>
      </c>
      <c r="D4" s="4"/>
      <c r="F4" s="4"/>
    </row>
    <row r="5" spans="1:6" x14ac:dyDescent="0.4">
      <c r="A5">
        <v>4</v>
      </c>
      <c r="B5" s="4" t="s">
        <v>24</v>
      </c>
      <c r="C5">
        <v>12</v>
      </c>
      <c r="D5" s="4"/>
      <c r="F5" s="4"/>
    </row>
    <row r="6" spans="1:6" x14ac:dyDescent="0.4">
      <c r="A6">
        <v>5</v>
      </c>
      <c r="B6" s="4" t="s">
        <v>24</v>
      </c>
      <c r="C6">
        <v>12</v>
      </c>
      <c r="D6" s="4"/>
      <c r="F6" s="4"/>
    </row>
    <row r="7" spans="1:6" x14ac:dyDescent="0.4">
      <c r="A7">
        <v>6</v>
      </c>
      <c r="B7" s="4" t="s">
        <v>24</v>
      </c>
      <c r="C7">
        <v>12</v>
      </c>
      <c r="D7" s="4"/>
      <c r="F7" s="4"/>
    </row>
    <row r="8" spans="1:6" x14ac:dyDescent="0.4">
      <c r="A8">
        <v>7</v>
      </c>
      <c r="B8" s="4" t="s">
        <v>24</v>
      </c>
      <c r="C8">
        <v>12</v>
      </c>
      <c r="D8" s="4"/>
      <c r="F8" s="4"/>
    </row>
    <row r="9" spans="1:6" x14ac:dyDescent="0.4">
      <c r="A9">
        <v>8</v>
      </c>
      <c r="B9" s="4" t="s">
        <v>24</v>
      </c>
      <c r="C9">
        <v>12</v>
      </c>
      <c r="D9" s="4"/>
      <c r="F9" s="4"/>
    </row>
    <row r="10" spans="1:6" x14ac:dyDescent="0.4">
      <c r="A10">
        <v>9</v>
      </c>
      <c r="B10" s="4" t="s">
        <v>24</v>
      </c>
      <c r="C10">
        <v>12</v>
      </c>
      <c r="D10" s="4"/>
      <c r="F10" s="4"/>
    </row>
    <row r="11" spans="1:6" x14ac:dyDescent="0.4">
      <c r="A11">
        <v>10</v>
      </c>
      <c r="B11" s="4" t="s">
        <v>24</v>
      </c>
      <c r="C11">
        <v>12</v>
      </c>
      <c r="D11" s="4"/>
      <c r="F11" s="4"/>
    </row>
    <row r="12" spans="1:6" x14ac:dyDescent="0.4">
      <c r="A12">
        <v>11</v>
      </c>
      <c r="B12" s="4" t="s">
        <v>24</v>
      </c>
      <c r="C12">
        <v>20</v>
      </c>
      <c r="D12" s="4" t="s">
        <v>25</v>
      </c>
      <c r="F12" s="4"/>
    </row>
    <row r="13" spans="1:6" x14ac:dyDescent="0.4">
      <c r="A13">
        <v>12</v>
      </c>
      <c r="B13" s="4" t="s">
        <v>24</v>
      </c>
      <c r="C13">
        <v>24</v>
      </c>
      <c r="D13" s="4"/>
      <c r="F13" s="4"/>
    </row>
    <row r="14" spans="1:6" x14ac:dyDescent="0.4">
      <c r="A14">
        <v>13</v>
      </c>
      <c r="B14" s="4" t="s">
        <v>24</v>
      </c>
      <c r="C14">
        <v>24</v>
      </c>
      <c r="D14" s="4"/>
      <c r="F14" s="4"/>
    </row>
    <row r="15" spans="1:6" x14ac:dyDescent="0.4">
      <c r="A15">
        <v>14</v>
      </c>
      <c r="B15" s="4" t="s">
        <v>26</v>
      </c>
      <c r="C15">
        <v>12</v>
      </c>
      <c r="D15" s="4"/>
      <c r="F15" s="4"/>
    </row>
    <row r="16" spans="1:6" x14ac:dyDescent="0.4">
      <c r="B16" s="4"/>
      <c r="D16" s="4"/>
      <c r="E16">
        <v>1</v>
      </c>
      <c r="F16" s="4" t="s">
        <v>4</v>
      </c>
    </row>
    <row r="17" spans="2:6" x14ac:dyDescent="0.4">
      <c r="B17" s="4"/>
      <c r="D17" s="4"/>
      <c r="E17">
        <v>2</v>
      </c>
      <c r="F17" s="4" t="s">
        <v>5</v>
      </c>
    </row>
    <row r="18" spans="2:6" x14ac:dyDescent="0.4">
      <c r="B18" s="4"/>
      <c r="D18" s="4"/>
      <c r="E18">
        <v>3</v>
      </c>
      <c r="F18" s="4" t="s">
        <v>6</v>
      </c>
    </row>
    <row r="19" spans="2:6" x14ac:dyDescent="0.4">
      <c r="B19" s="4"/>
      <c r="D19" s="4"/>
      <c r="E19">
        <v>4</v>
      </c>
      <c r="F19" s="4" t="s">
        <v>7</v>
      </c>
    </row>
    <row r="20" spans="2:6" x14ac:dyDescent="0.4">
      <c r="B20" s="4"/>
      <c r="D20" s="4"/>
      <c r="E20">
        <v>5</v>
      </c>
      <c r="F20" s="4" t="s">
        <v>8</v>
      </c>
    </row>
    <row r="21" spans="2:6" x14ac:dyDescent="0.4">
      <c r="B21" s="4"/>
      <c r="D21" s="4"/>
      <c r="E21">
        <v>6</v>
      </c>
      <c r="F21" s="4" t="s">
        <v>9</v>
      </c>
    </row>
    <row r="22" spans="2:6" x14ac:dyDescent="0.4">
      <c r="B22" s="4"/>
      <c r="D22" s="4"/>
      <c r="E22">
        <v>7</v>
      </c>
      <c r="F22" s="4" t="s">
        <v>10</v>
      </c>
    </row>
    <row r="23" spans="2:6" x14ac:dyDescent="0.4">
      <c r="B23" s="4"/>
      <c r="D23" s="4"/>
      <c r="E23">
        <v>8</v>
      </c>
      <c r="F23" s="4" t="s">
        <v>11</v>
      </c>
    </row>
    <row r="24" spans="2:6" x14ac:dyDescent="0.4">
      <c r="B24" s="4"/>
      <c r="D24" s="4"/>
      <c r="E24">
        <v>9</v>
      </c>
      <c r="F24" s="4" t="s">
        <v>12</v>
      </c>
    </row>
    <row r="25" spans="2:6" x14ac:dyDescent="0.4">
      <c r="B25" s="4"/>
      <c r="D25" s="4"/>
      <c r="E25">
        <v>10</v>
      </c>
      <c r="F25" s="4" t="s">
        <v>13</v>
      </c>
    </row>
    <row r="26" spans="2:6" x14ac:dyDescent="0.4">
      <c r="B26" s="4"/>
      <c r="D26" s="4"/>
      <c r="E26">
        <v>11</v>
      </c>
      <c r="F26" s="4" t="s">
        <v>14</v>
      </c>
    </row>
    <row r="27" spans="2:6" x14ac:dyDescent="0.4">
      <c r="B27" s="4"/>
      <c r="D27" s="4"/>
      <c r="E27">
        <v>12</v>
      </c>
      <c r="F27" s="4" t="s">
        <v>15</v>
      </c>
    </row>
    <row r="28" spans="2:6" x14ac:dyDescent="0.4">
      <c r="B28" s="4"/>
      <c r="D28" s="4"/>
      <c r="E28">
        <v>13</v>
      </c>
      <c r="F28" s="4" t="s">
        <v>16</v>
      </c>
    </row>
    <row r="29" spans="2:6" x14ac:dyDescent="0.4">
      <c r="B29" s="4"/>
      <c r="D29" s="4"/>
      <c r="E29">
        <v>14</v>
      </c>
      <c r="F29" s="4" t="s">
        <v>17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15AEDE-5966-4E65-B51F-A4637893580C}">
  <dimension ref="A1"/>
  <sheetViews>
    <sheetView workbookViewId="0"/>
  </sheetViews>
  <sheetFormatPr defaultRowHeight="18.75" x14ac:dyDescent="0.4"/>
  <sheetData/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usinessDetails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09:12:34Z</dcterms:created>
  <dcterms:modified xsi:type="dcterms:W3CDTF">2024-02-26T04:11:56Z</dcterms:modified>
</cp:coreProperties>
</file>